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256" r:id="rId2"/>
    <p:sldId id="258" r:id="rId3"/>
    <p:sldId id="257" r:id="rId4"/>
    <p:sldId id="259" r:id="rId5"/>
    <p:sldId id="268" r:id="rId6"/>
    <p:sldId id="275" r:id="rId7"/>
    <p:sldId id="261" r:id="rId8"/>
    <p:sldId id="274" r:id="rId9"/>
    <p:sldId id="269" r:id="rId10"/>
    <p:sldId id="270" r:id="rId11"/>
    <p:sldId id="271" r:id="rId12"/>
    <p:sldId id="272" r:id="rId13"/>
    <p:sldId id="276" r:id="rId14"/>
    <p:sldId id="273" r:id="rId15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57" d="100"/>
          <a:sy n="57" d="100"/>
        </p:scale>
        <p:origin x="150" y="120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 custT="1"/>
      <dgm:spPr/>
      <dgm:t>
        <a:bodyPr/>
        <a:lstStyle/>
        <a:p>
          <a:r>
            <a:rPr lang="fr-FR" sz="900" dirty="0" smtClean="0"/>
            <a:t>Différentes compétences</a:t>
          </a:r>
          <a:endParaRPr lang="fr-FR" sz="900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Deadlines court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smtClean="0"/>
            <a:t>Risque de forte demande (serveu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Pas de concurrents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 custT="1"/>
      <dgm:spPr/>
      <dgm:t>
        <a:bodyPr/>
        <a:lstStyle/>
        <a:p>
          <a:r>
            <a:rPr lang="fr-FR" sz="900" dirty="0" smtClean="0"/>
            <a:t>Contact avec un expert</a:t>
          </a:r>
          <a:endParaRPr lang="fr-FR" sz="900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Faible documentation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Grande utilité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Protection des données (temporaires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 custT="1"/>
      <dgm:spPr/>
      <dgm:t>
        <a:bodyPr/>
        <a:lstStyle/>
        <a:p>
          <a:r>
            <a:rPr lang="fr-FR" sz="900" dirty="0" smtClean="0"/>
            <a:t>Utilisation de package ‘open source ’</a:t>
          </a:r>
          <a:endParaRPr lang="fr-FR" sz="900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232CE46-097B-4790-9B07-F6CE16252DFF}" type="presOf" srcId="{DCE41F30-8A4B-4090-95D5-6CBD1CFA1EEC}" destId="{A67A60E5-5291-49E4-B3E5-53A58B528285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37AF687D-1A9E-4298-90CF-E8DBC4CFFF13}" type="presOf" srcId="{62885FA7-E7FB-4933-9935-6A8AA90289B4}" destId="{8128ED5B-798D-45C7-BB11-A0996A8BF223}" srcOrd="1" destOrd="2" presId="urn:microsoft.com/office/officeart/2005/8/layout/cycle4"/>
    <dgm:cxn modelId="{B8D0FEE6-0B19-4981-B1D0-192621027BC2}" type="presOf" srcId="{49454F30-2B75-445A-845F-7473D893477D}" destId="{431C4C2F-7F42-4D62-8EEF-918E7AD22EA0}" srcOrd="0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78F70460-9DAF-4C90-909A-56A5CD8C7429}" type="presOf" srcId="{1981BF8C-ABB4-462F-BD54-45D3229B3478}" destId="{05478942-E273-4856-8553-F0FD8F015AA2}" srcOrd="0" destOrd="0" presId="urn:microsoft.com/office/officeart/2005/8/layout/cycle4"/>
    <dgm:cxn modelId="{0A2D4217-9555-4640-8A0C-CBBE033FEE9B}" type="presOf" srcId="{21C7A246-DDB5-40DD-9118-CC4963BF878A}" destId="{BC6F0824-1351-49BA-BADB-F02B71A91728}" srcOrd="0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6E41B2D3-F02C-4FAF-AEB5-92611C1DA331}" type="presOf" srcId="{850DD825-7D08-4BBC-94B9-7E217910F9A2}" destId="{431C4C2F-7F42-4D62-8EEF-918E7AD22EA0}" srcOrd="0" destOrd="1" presId="urn:microsoft.com/office/officeart/2005/8/layout/cycle4"/>
    <dgm:cxn modelId="{8DC88364-F13C-41BF-862E-24F5114F2898}" type="presOf" srcId="{0916D3E2-7950-4B1E-A80A-B1A0DFE4D7BE}" destId="{CF4FC7F6-A89C-4633-A10E-BFE92B369DCD}" srcOrd="0" destOrd="0" presId="urn:microsoft.com/office/officeart/2005/8/layout/cycle4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2A677A01-58EB-4E82-B607-502F6E54B8C1}" type="presOf" srcId="{9B35DA45-8824-4EE3-89F0-3F4E07F980E3}" destId="{68AC0C8C-6683-4490-8F38-983C8CB47C3F}" srcOrd="0" destOrd="0" presId="urn:microsoft.com/office/officeart/2005/8/layout/cycle4"/>
    <dgm:cxn modelId="{5609CD83-B1C1-43ED-B394-2FA9B46CDE9D}" type="presOf" srcId="{8BEA78FF-204F-4428-9092-659961DC247C}" destId="{C0852406-3DC0-4222-A1F8-184593FC4596}" srcOrd="0" destOrd="0" presId="urn:microsoft.com/office/officeart/2005/8/layout/cycle4"/>
    <dgm:cxn modelId="{78CBA1FA-F343-43EE-ADD5-CB825EA63CDE}" type="presOf" srcId="{21C7A246-DDB5-40DD-9118-CC4963BF878A}" destId="{8128ED5B-798D-45C7-BB11-A0996A8BF223}" srcOrd="1" destOrd="1" presId="urn:microsoft.com/office/officeart/2005/8/layout/cycle4"/>
    <dgm:cxn modelId="{B72AD70C-1119-4CD1-A715-69F95E790449}" type="presOf" srcId="{AE8D8FFF-9AF0-4B15-AF81-01A130F2BD02}" destId="{FFCC9154-8E22-496A-ADF8-EA81D4AB5D77}" srcOrd="1" destOrd="1" presId="urn:microsoft.com/office/officeart/2005/8/layout/cycle4"/>
    <dgm:cxn modelId="{719CEA49-80B9-42FF-8E65-C86BF4F8FDF9}" type="presOf" srcId="{49454F30-2B75-445A-845F-7473D893477D}" destId="{53088BBF-CDFB-43AD-88FA-A16B4FDD4AEA}" srcOrd="1" destOrd="0" presId="urn:microsoft.com/office/officeart/2005/8/layout/cycle4"/>
    <dgm:cxn modelId="{8777DA17-1BC6-4954-8AF7-1123B39EE091}" type="presOf" srcId="{AE8D8FFF-9AF0-4B15-AF81-01A130F2BD02}" destId="{05478942-E273-4856-8553-F0FD8F015AA2}" srcOrd="0" destOrd="1" presId="urn:microsoft.com/office/officeart/2005/8/layout/cycle4"/>
    <dgm:cxn modelId="{2C0CC1A6-087D-4CF6-88BB-4358110FD673}" type="presOf" srcId="{7FF71154-70C1-47DE-91E2-5DB90307E807}" destId="{68AC0C8C-6683-4490-8F38-983C8CB47C3F}" srcOrd="0" destOrd="1" presId="urn:microsoft.com/office/officeart/2005/8/layout/cycle4"/>
    <dgm:cxn modelId="{54460A03-1998-40A7-8046-EA57DF9F5AF7}" type="presOf" srcId="{7FF71154-70C1-47DE-91E2-5DB90307E807}" destId="{60120B91-D76F-4101-857D-B9B656863593}" srcOrd="1" destOrd="1" presId="urn:microsoft.com/office/officeart/2005/8/layout/cycle4"/>
    <dgm:cxn modelId="{94C690E3-99CA-4908-89AA-C2EB5855A793}" type="presOf" srcId="{CC293B1C-4CF8-4FF0-BBC7-4942ED2D7F88}" destId="{39401A14-B365-4553-9A3D-A401D3183747}" srcOrd="0" destOrd="0" presId="urn:microsoft.com/office/officeart/2005/8/layout/cycle4"/>
    <dgm:cxn modelId="{F918012F-B6C2-4CA7-9692-CC38EC5453D1}" type="presOf" srcId="{1981BF8C-ABB4-462F-BD54-45D3229B3478}" destId="{FFCC9154-8E22-496A-ADF8-EA81D4AB5D77}" srcOrd="1" destOrd="0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09011A2A-56A6-4D15-98B3-D063B21B8177}" type="presOf" srcId="{850DD825-7D08-4BBC-94B9-7E217910F9A2}" destId="{53088BBF-CDFB-43AD-88FA-A16B4FDD4AEA}" srcOrd="1" destOrd="1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8E8118C7-6F48-47FD-9699-5CB968D5A8EC}" type="presOf" srcId="{9B35DA45-8824-4EE3-89F0-3F4E07F980E3}" destId="{60120B91-D76F-4101-857D-B9B656863593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C9FF9267-1BA2-434F-937D-9BF7A78C05CB}" type="presOf" srcId="{35F1F2D2-FC47-4990-98DB-731AFE036343}" destId="{8128ED5B-798D-45C7-BB11-A0996A8BF223}" srcOrd="1" destOrd="0" presId="urn:microsoft.com/office/officeart/2005/8/layout/cycle4"/>
    <dgm:cxn modelId="{18609EB4-AEF7-44BE-9DF1-AD51ACAEBCB6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0A3CFEA7-3477-4B0F-A922-85C5DF7F25F8}" type="presOf" srcId="{35F1F2D2-FC47-4990-98DB-731AFE036343}" destId="{BC6F0824-1351-49BA-BADB-F02B71A91728}" srcOrd="0" destOrd="0" presId="urn:microsoft.com/office/officeart/2005/8/layout/cycle4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FF16722E-7D3C-4C04-87A7-EBCF3967DD7C}" type="presOf" srcId="{8FEE133A-1A79-4187-9AFD-4F06B42A70BC}" destId="{E72BDFA6-376E-4614-9D7C-A68241E884D9}" srcOrd="0" destOrd="0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A4F9A148-A894-45AD-A769-FAB6280A29E4}" type="presParOf" srcId="{39401A14-B365-4553-9A3D-A401D3183747}" destId="{D7E58549-68A7-4F21-BF0D-84F7636DCD92}" srcOrd="0" destOrd="0" presId="urn:microsoft.com/office/officeart/2005/8/layout/cycle4"/>
    <dgm:cxn modelId="{1E12C050-4A8E-4BE9-92B5-6CEC8D0726D5}" type="presParOf" srcId="{D7E58549-68A7-4F21-BF0D-84F7636DCD92}" destId="{5D458377-8CFE-43EB-BDF2-7CB3F0D876C1}" srcOrd="0" destOrd="0" presId="urn:microsoft.com/office/officeart/2005/8/layout/cycle4"/>
    <dgm:cxn modelId="{D96B4851-91D0-44C5-A22F-EAD2D7E8F63B}" type="presParOf" srcId="{5D458377-8CFE-43EB-BDF2-7CB3F0D876C1}" destId="{BC6F0824-1351-49BA-BADB-F02B71A91728}" srcOrd="0" destOrd="0" presId="urn:microsoft.com/office/officeart/2005/8/layout/cycle4"/>
    <dgm:cxn modelId="{9CD896BF-BFB6-404D-9755-F23A50529926}" type="presParOf" srcId="{5D458377-8CFE-43EB-BDF2-7CB3F0D876C1}" destId="{8128ED5B-798D-45C7-BB11-A0996A8BF223}" srcOrd="1" destOrd="0" presId="urn:microsoft.com/office/officeart/2005/8/layout/cycle4"/>
    <dgm:cxn modelId="{FE078DCF-74C1-4B44-88B3-30DE535AA7D3}" type="presParOf" srcId="{D7E58549-68A7-4F21-BF0D-84F7636DCD92}" destId="{D1CAC0FF-E414-4230-81F1-48A389FCAA90}" srcOrd="1" destOrd="0" presId="urn:microsoft.com/office/officeart/2005/8/layout/cycle4"/>
    <dgm:cxn modelId="{43107EC9-C289-4C17-986C-3372C8EBF5EB}" type="presParOf" srcId="{D1CAC0FF-E414-4230-81F1-48A389FCAA90}" destId="{05478942-E273-4856-8553-F0FD8F015AA2}" srcOrd="0" destOrd="0" presId="urn:microsoft.com/office/officeart/2005/8/layout/cycle4"/>
    <dgm:cxn modelId="{9E6F2589-BA81-488A-AD59-F03CE0323EF6}" type="presParOf" srcId="{D1CAC0FF-E414-4230-81F1-48A389FCAA90}" destId="{FFCC9154-8E22-496A-ADF8-EA81D4AB5D77}" srcOrd="1" destOrd="0" presId="urn:microsoft.com/office/officeart/2005/8/layout/cycle4"/>
    <dgm:cxn modelId="{51835A2D-45DB-407D-9549-1C56905256C4}" type="presParOf" srcId="{D7E58549-68A7-4F21-BF0D-84F7636DCD92}" destId="{AC6B2FBF-7301-4489-8CBA-C72E325139A7}" srcOrd="2" destOrd="0" presId="urn:microsoft.com/office/officeart/2005/8/layout/cycle4"/>
    <dgm:cxn modelId="{64DC032B-256F-4C54-9AC6-C979621D0954}" type="presParOf" srcId="{AC6B2FBF-7301-4489-8CBA-C72E325139A7}" destId="{68AC0C8C-6683-4490-8F38-983C8CB47C3F}" srcOrd="0" destOrd="0" presId="urn:microsoft.com/office/officeart/2005/8/layout/cycle4"/>
    <dgm:cxn modelId="{9E95EAFD-E4E1-4AA0-AAED-161BE04BE610}" type="presParOf" srcId="{AC6B2FBF-7301-4489-8CBA-C72E325139A7}" destId="{60120B91-D76F-4101-857D-B9B656863593}" srcOrd="1" destOrd="0" presId="urn:microsoft.com/office/officeart/2005/8/layout/cycle4"/>
    <dgm:cxn modelId="{B210CCF5-DFC5-41A8-9AFB-D198FF3788DD}" type="presParOf" srcId="{D7E58549-68A7-4F21-BF0D-84F7636DCD92}" destId="{FE4735BA-FC16-4D11-8D7D-854C3BB49539}" srcOrd="3" destOrd="0" presId="urn:microsoft.com/office/officeart/2005/8/layout/cycle4"/>
    <dgm:cxn modelId="{6F2D137B-59E7-48F4-8EAE-7EAF26909DFD}" type="presParOf" srcId="{FE4735BA-FC16-4D11-8D7D-854C3BB49539}" destId="{431C4C2F-7F42-4D62-8EEF-918E7AD22EA0}" srcOrd="0" destOrd="0" presId="urn:microsoft.com/office/officeart/2005/8/layout/cycle4"/>
    <dgm:cxn modelId="{B97F07CF-2B96-403D-A414-408AD4936695}" type="presParOf" srcId="{FE4735BA-FC16-4D11-8D7D-854C3BB49539}" destId="{53088BBF-CDFB-43AD-88FA-A16B4FDD4AEA}" srcOrd="1" destOrd="0" presId="urn:microsoft.com/office/officeart/2005/8/layout/cycle4"/>
    <dgm:cxn modelId="{8596CA37-E633-41DE-A766-A54BE4D1CE98}" type="presParOf" srcId="{D7E58549-68A7-4F21-BF0D-84F7636DCD92}" destId="{4C71D571-69A8-40F3-850A-97D36405B4CD}" srcOrd="4" destOrd="0" presId="urn:microsoft.com/office/officeart/2005/8/layout/cycle4"/>
    <dgm:cxn modelId="{BC8CCF30-3BAC-459B-90A5-1788F1DA2991}" type="presParOf" srcId="{39401A14-B365-4553-9A3D-A401D3183747}" destId="{BFB0D660-5BF3-4B91-8837-C379A331C3C8}" srcOrd="1" destOrd="0" presId="urn:microsoft.com/office/officeart/2005/8/layout/cycle4"/>
    <dgm:cxn modelId="{C338CF6D-4DDC-4588-8F90-6C62AB45CAEC}" type="presParOf" srcId="{BFB0D660-5BF3-4B91-8837-C379A331C3C8}" destId="{E72BDFA6-376E-4614-9D7C-A68241E884D9}" srcOrd="0" destOrd="0" presId="urn:microsoft.com/office/officeart/2005/8/layout/cycle4"/>
    <dgm:cxn modelId="{F3B71D65-8206-4444-A8F5-3ADD8E43482F}" type="presParOf" srcId="{BFB0D660-5BF3-4B91-8837-C379A331C3C8}" destId="{A67A60E5-5291-49E4-B3E5-53A58B528285}" srcOrd="1" destOrd="0" presId="urn:microsoft.com/office/officeart/2005/8/layout/cycle4"/>
    <dgm:cxn modelId="{A2D8A0BA-6DB5-4828-BBD5-28765D4D96E2}" type="presParOf" srcId="{BFB0D660-5BF3-4B91-8837-C379A331C3C8}" destId="{CF4FC7F6-A89C-4633-A10E-BFE92B369DCD}" srcOrd="2" destOrd="0" presId="urn:microsoft.com/office/officeart/2005/8/layout/cycle4"/>
    <dgm:cxn modelId="{EEB200DB-BE16-4FA1-8AF3-C59DD5F5F816}" type="presParOf" srcId="{BFB0D660-5BF3-4B91-8837-C379A331C3C8}" destId="{C0852406-3DC0-4222-A1F8-184593FC4596}" srcOrd="3" destOrd="0" presId="urn:microsoft.com/office/officeart/2005/8/layout/cycle4"/>
    <dgm:cxn modelId="{52278C96-46CB-4553-846D-A7133E82C9E6}" type="presParOf" srcId="{BFB0D660-5BF3-4B91-8837-C379A331C3C8}" destId="{B569151F-8995-4BD7-A8F3-A948642763E3}" srcOrd="4" destOrd="0" presId="urn:microsoft.com/office/officeart/2005/8/layout/cycle4"/>
    <dgm:cxn modelId="{4F87B471-CF7C-44E5-BB4F-5490AA896B70}" type="presParOf" srcId="{39401A14-B365-4553-9A3D-A401D3183747}" destId="{3B6382B4-DDDF-482E-9E6A-38E6F7DB930C}" srcOrd="2" destOrd="0" presId="urn:microsoft.com/office/officeart/2005/8/layout/cycle4"/>
    <dgm:cxn modelId="{621F6373-DBDB-40E9-88D6-CD72AA411D96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 smtClean="0"/>
            <a:t>Diverse </a:t>
          </a:r>
          <a:r>
            <a:rPr lang="fr-FR" dirty="0" err="1" smtClean="0"/>
            <a:t>skill</a:t>
          </a:r>
          <a:r>
            <a:rPr lang="fr-FR" dirty="0" smtClean="0"/>
            <a:t> set</a:t>
          </a:r>
          <a:endParaRPr lang="fr-FR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Short deadlin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 smtClean="0"/>
            <a:t>Risk</a:t>
          </a:r>
          <a:r>
            <a:rPr lang="fr-FR" dirty="0" smtClean="0"/>
            <a:t> of high </a:t>
          </a:r>
          <a:r>
            <a:rPr lang="fr-FR" dirty="0" err="1" smtClean="0"/>
            <a:t>demand</a:t>
          </a:r>
          <a:r>
            <a:rPr lang="fr-FR" dirty="0" smtClean="0"/>
            <a:t> (serve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No </a:t>
          </a:r>
          <a:r>
            <a:rPr lang="fr-FR" dirty="0" err="1" smtClean="0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 smtClean="0"/>
            <a:t>Access to expert </a:t>
          </a:r>
          <a:r>
            <a:rPr lang="fr-FR" dirty="0" err="1" smtClean="0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Not </a:t>
          </a:r>
          <a:r>
            <a:rPr lang="fr-FR" dirty="0" err="1" smtClean="0"/>
            <a:t>well</a:t>
          </a:r>
          <a:r>
            <a:rPr lang="fr-FR" dirty="0" smtClean="0"/>
            <a:t> </a:t>
          </a:r>
          <a:r>
            <a:rPr lang="fr-FR" dirty="0" err="1" smtClean="0"/>
            <a:t>documented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High utility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Data protection (</a:t>
          </a:r>
          <a:r>
            <a:rPr lang="fr-FR" dirty="0" err="1" smtClean="0"/>
            <a:t>temporary</a:t>
          </a:r>
          <a:r>
            <a:rPr lang="fr-FR" dirty="0" smtClean="0"/>
            <a:t>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 smtClean="0"/>
            <a:t>Open source packages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10E792CA-6A54-4E59-81A9-D2596CD479D3}" type="presOf" srcId="{7FF71154-70C1-47DE-91E2-5DB90307E807}" destId="{60120B91-D76F-4101-857D-B9B656863593}" srcOrd="1" destOrd="1" presId="urn:microsoft.com/office/officeart/2005/8/layout/cycle4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FED0961E-8858-4D34-97EC-EA6298A2D7A2}" type="presOf" srcId="{AE8D8FFF-9AF0-4B15-AF81-01A130F2BD02}" destId="{FFCC9154-8E22-496A-ADF8-EA81D4AB5D77}" srcOrd="1" destOrd="1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3CE6DC31-8913-4EA7-9612-8A8DD923E800}" type="presOf" srcId="{AE8D8FFF-9AF0-4B15-AF81-01A130F2BD02}" destId="{05478942-E273-4856-8553-F0FD8F015AA2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8CB24317-C189-4E11-828E-2DB5B4E08A1D}" type="presOf" srcId="{7FF71154-70C1-47DE-91E2-5DB90307E807}" destId="{68AC0C8C-6683-4490-8F38-983C8CB47C3F}" srcOrd="0" destOrd="1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454528" y="241177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Risque de forte demande (serveur)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Protection des données (temporaires)</a:t>
          </a:r>
          <a:endParaRPr lang="fr-FR" sz="900" kern="1200" dirty="0"/>
        </a:p>
      </dsp:txBody>
      <dsp:txXfrm>
        <a:off x="4005083" y="2720439"/>
        <a:ext cx="1176594" cy="801351"/>
      </dsp:txXfrm>
    </dsp:sp>
    <dsp:sp modelId="{431C4C2F-7F42-4D62-8EEF-918E7AD22EA0}">
      <dsp:nvSpPr>
        <dsp:cNvPr id="0" name=""/>
        <dsp:cNvSpPr/>
      </dsp:nvSpPr>
      <dsp:spPr>
        <a:xfrm>
          <a:off x="565296" y="241177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Pas de concurrent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Grande utilité</a:t>
          </a:r>
          <a:endParaRPr lang="fr-FR" sz="900" kern="1200" dirty="0"/>
        </a:p>
      </dsp:txBody>
      <dsp:txXfrm>
        <a:off x="590227" y="2720439"/>
        <a:ext cx="1176594" cy="801351"/>
      </dsp:txXfrm>
    </dsp:sp>
    <dsp:sp modelId="{05478942-E273-4856-8553-F0FD8F015AA2}">
      <dsp:nvSpPr>
        <dsp:cNvPr id="0" name=""/>
        <dsp:cNvSpPr/>
      </dsp:nvSpPr>
      <dsp:spPr>
        <a:xfrm>
          <a:off x="3454528" y="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Deadlines courte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Faible documentation</a:t>
          </a:r>
          <a:endParaRPr lang="fr-FR" sz="900" kern="1200" dirty="0"/>
        </a:p>
      </dsp:txBody>
      <dsp:txXfrm>
        <a:off x="4005083" y="24931"/>
        <a:ext cx="1176594" cy="801351"/>
      </dsp:txXfrm>
    </dsp:sp>
    <dsp:sp modelId="{BC6F0824-1351-49BA-BADB-F02B71A91728}">
      <dsp:nvSpPr>
        <dsp:cNvPr id="0" name=""/>
        <dsp:cNvSpPr/>
      </dsp:nvSpPr>
      <dsp:spPr>
        <a:xfrm>
          <a:off x="565296" y="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Différentes compétence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Contact avec un expert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Utilisation de package ‘open source ’</a:t>
          </a:r>
          <a:endParaRPr lang="fr-FR" sz="900" kern="1200" dirty="0"/>
        </a:p>
      </dsp:txBody>
      <dsp:txXfrm>
        <a:off x="590227" y="24931"/>
        <a:ext cx="1176594" cy="801351"/>
      </dsp:txXfrm>
    </dsp:sp>
    <dsp:sp modelId="{E72BDFA6-376E-4614-9D7C-A68241E884D9}">
      <dsp:nvSpPr>
        <dsp:cNvPr id="0" name=""/>
        <dsp:cNvSpPr/>
      </dsp:nvSpPr>
      <dsp:spPr>
        <a:xfrm>
          <a:off x="1299468" y="202163"/>
          <a:ext cx="1535730" cy="1535730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S</a:t>
          </a:r>
          <a:endParaRPr lang="fr-FR" sz="3800" kern="1200" dirty="0"/>
        </a:p>
      </dsp:txBody>
      <dsp:txXfrm>
        <a:off x="1749273" y="651968"/>
        <a:ext cx="1085925" cy="1085925"/>
      </dsp:txXfrm>
    </dsp:sp>
    <dsp:sp modelId="{A67A60E5-5291-49E4-B3E5-53A58B528285}">
      <dsp:nvSpPr>
        <dsp:cNvPr id="0" name=""/>
        <dsp:cNvSpPr/>
      </dsp:nvSpPr>
      <dsp:spPr>
        <a:xfrm rot="5400000">
          <a:off x="2906133" y="202163"/>
          <a:ext cx="1535730" cy="1535730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W</a:t>
          </a:r>
          <a:endParaRPr lang="fr-FR" sz="3800" kern="1200" dirty="0"/>
        </a:p>
      </dsp:txBody>
      <dsp:txXfrm rot="-5400000">
        <a:off x="2906133" y="651968"/>
        <a:ext cx="1085925" cy="1085925"/>
      </dsp:txXfrm>
    </dsp:sp>
    <dsp:sp modelId="{CF4FC7F6-A89C-4633-A10E-BFE92B369DCD}">
      <dsp:nvSpPr>
        <dsp:cNvPr id="0" name=""/>
        <dsp:cNvSpPr/>
      </dsp:nvSpPr>
      <dsp:spPr>
        <a:xfrm rot="10800000">
          <a:off x="2906133" y="1808828"/>
          <a:ext cx="1535730" cy="1535730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T</a:t>
          </a:r>
          <a:endParaRPr lang="fr-FR" sz="3800" kern="1200" dirty="0"/>
        </a:p>
      </dsp:txBody>
      <dsp:txXfrm rot="10800000">
        <a:off x="2906133" y="1808828"/>
        <a:ext cx="1085925" cy="1085925"/>
      </dsp:txXfrm>
    </dsp:sp>
    <dsp:sp modelId="{C0852406-3DC0-4222-A1F8-184593FC4596}">
      <dsp:nvSpPr>
        <dsp:cNvPr id="0" name=""/>
        <dsp:cNvSpPr/>
      </dsp:nvSpPr>
      <dsp:spPr>
        <a:xfrm rot="16200000">
          <a:off x="1299468" y="1808828"/>
          <a:ext cx="1535730" cy="1535730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O</a:t>
          </a:r>
          <a:endParaRPr lang="fr-FR" sz="3800" kern="1200" dirty="0"/>
        </a:p>
      </dsp:txBody>
      <dsp:txXfrm rot="5400000">
        <a:off x="1749273" y="1808828"/>
        <a:ext cx="1085925" cy="1085925"/>
      </dsp:txXfrm>
    </dsp:sp>
    <dsp:sp modelId="{3B6382B4-DDDF-482E-9E6A-38E6F7DB930C}">
      <dsp:nvSpPr>
        <dsp:cNvPr id="0" name=""/>
        <dsp:cNvSpPr/>
      </dsp:nvSpPr>
      <dsp:spPr>
        <a:xfrm>
          <a:off x="4795333" y="1466369"/>
          <a:ext cx="530234" cy="46107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795333" y="1533776"/>
          <a:ext cx="530234" cy="46107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537515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err="1" smtClean="0"/>
            <a:t>Risk</a:t>
          </a:r>
          <a:r>
            <a:rPr lang="fr-FR" sz="1000" kern="1200" dirty="0" smtClean="0"/>
            <a:t> of high </a:t>
          </a:r>
          <a:r>
            <a:rPr lang="fr-FR" sz="1000" kern="1200" dirty="0" err="1" smtClean="0"/>
            <a:t>demand</a:t>
          </a:r>
          <a:r>
            <a:rPr lang="fr-FR" sz="1000" kern="1200" dirty="0" smtClean="0"/>
            <a:t> (server)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ata protection (</a:t>
          </a:r>
          <a:r>
            <a:rPr lang="fr-FR" sz="1000" kern="1200" dirty="0" err="1" smtClean="0"/>
            <a:t>temporary</a:t>
          </a:r>
          <a:r>
            <a:rPr lang="fr-FR" sz="1000" kern="1200" dirty="0" smtClean="0"/>
            <a:t>)</a:t>
          </a:r>
          <a:endParaRPr lang="fr-FR" sz="1000" kern="1200" dirty="0"/>
        </a:p>
      </dsp:txBody>
      <dsp:txXfrm>
        <a:off x="4121277" y="2884522"/>
        <a:ext cx="1247560" cy="849684"/>
      </dsp:txXfrm>
    </dsp:sp>
    <dsp:sp modelId="{431C4C2F-7F42-4D62-8EEF-918E7AD22EA0}">
      <dsp:nvSpPr>
        <dsp:cNvPr id="0" name=""/>
        <dsp:cNvSpPr/>
      </dsp:nvSpPr>
      <dsp:spPr>
        <a:xfrm>
          <a:off x="474019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 </a:t>
          </a:r>
          <a:r>
            <a:rPr lang="fr-FR" sz="1000" kern="1200" dirty="0" err="1" smtClean="0"/>
            <a:t>competition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High utility</a:t>
          </a:r>
          <a:endParaRPr lang="fr-FR" sz="1000" kern="1200" dirty="0"/>
        </a:p>
      </dsp:txBody>
      <dsp:txXfrm>
        <a:off x="500454" y="2884522"/>
        <a:ext cx="1247560" cy="849684"/>
      </dsp:txXfrm>
    </dsp:sp>
    <dsp:sp modelId="{05478942-E273-4856-8553-F0FD8F015AA2}">
      <dsp:nvSpPr>
        <dsp:cNvPr id="0" name=""/>
        <dsp:cNvSpPr/>
      </dsp:nvSpPr>
      <dsp:spPr>
        <a:xfrm>
          <a:off x="3537515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Short deadlines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t </a:t>
          </a:r>
          <a:r>
            <a:rPr lang="fr-FR" sz="1000" kern="1200" dirty="0" err="1" smtClean="0"/>
            <a:t>well</a:t>
          </a:r>
          <a:r>
            <a:rPr lang="fr-FR" sz="1000" kern="1200" dirty="0" smtClean="0"/>
            <a:t> </a:t>
          </a:r>
          <a:r>
            <a:rPr lang="fr-FR" sz="1000" kern="1200" dirty="0" err="1" smtClean="0"/>
            <a:t>documented</a:t>
          </a:r>
          <a:endParaRPr lang="fr-FR" sz="1000" kern="1200" dirty="0"/>
        </a:p>
      </dsp:txBody>
      <dsp:txXfrm>
        <a:off x="4121277" y="26435"/>
        <a:ext cx="1247560" cy="849684"/>
      </dsp:txXfrm>
    </dsp:sp>
    <dsp:sp modelId="{BC6F0824-1351-49BA-BADB-F02B71A91728}">
      <dsp:nvSpPr>
        <dsp:cNvPr id="0" name=""/>
        <dsp:cNvSpPr/>
      </dsp:nvSpPr>
      <dsp:spPr>
        <a:xfrm>
          <a:off x="474019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iverse </a:t>
          </a:r>
          <a:r>
            <a:rPr lang="fr-FR" sz="1000" kern="1200" dirty="0" err="1" smtClean="0"/>
            <a:t>skill</a:t>
          </a:r>
          <a:r>
            <a:rPr lang="fr-FR" sz="1000" kern="1200" dirty="0" smtClean="0"/>
            <a:t> set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Access to expert </a:t>
          </a:r>
          <a:r>
            <a:rPr lang="fr-FR" sz="1000" kern="1200" dirty="0" err="1" smtClean="0"/>
            <a:t>advise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Open source packages</a:t>
          </a:r>
          <a:endParaRPr lang="fr-FR" sz="1000" kern="1200" dirty="0"/>
        </a:p>
      </dsp:txBody>
      <dsp:txXfrm>
        <a:off x="500454" y="26435"/>
        <a:ext cx="1247560" cy="849684"/>
      </dsp:txXfrm>
    </dsp:sp>
    <dsp:sp modelId="{E72BDFA6-376E-4614-9D7C-A68241E884D9}">
      <dsp:nvSpPr>
        <dsp:cNvPr id="0" name=""/>
        <dsp:cNvSpPr/>
      </dsp:nvSpPr>
      <dsp:spPr>
        <a:xfrm>
          <a:off x="1252472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S</a:t>
          </a:r>
          <a:endParaRPr lang="fr-FR" sz="4000" kern="1200" dirty="0"/>
        </a:p>
      </dsp:txBody>
      <dsp:txXfrm>
        <a:off x="1729407" y="691291"/>
        <a:ext cx="1151422" cy="1151422"/>
      </dsp:txXfrm>
    </dsp:sp>
    <dsp:sp modelId="{A67A60E5-5291-49E4-B3E5-53A58B528285}">
      <dsp:nvSpPr>
        <dsp:cNvPr id="0" name=""/>
        <dsp:cNvSpPr/>
      </dsp:nvSpPr>
      <dsp:spPr>
        <a:xfrm rot="5400000">
          <a:off x="2956043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W</a:t>
          </a:r>
          <a:endParaRPr lang="fr-FR" sz="4000" kern="1200" dirty="0"/>
        </a:p>
      </dsp:txBody>
      <dsp:txXfrm rot="-5400000">
        <a:off x="2956043" y="691291"/>
        <a:ext cx="1151422" cy="1151422"/>
      </dsp:txXfrm>
    </dsp:sp>
    <dsp:sp modelId="{CF4FC7F6-A89C-4633-A10E-BFE92B369DCD}">
      <dsp:nvSpPr>
        <dsp:cNvPr id="0" name=""/>
        <dsp:cNvSpPr/>
      </dsp:nvSpPr>
      <dsp:spPr>
        <a:xfrm rot="10800000">
          <a:off x="2956043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T</a:t>
          </a:r>
          <a:endParaRPr lang="fr-FR" sz="4000" kern="1200" dirty="0"/>
        </a:p>
      </dsp:txBody>
      <dsp:txXfrm rot="10800000">
        <a:off x="2956043" y="1917927"/>
        <a:ext cx="1151422" cy="1151422"/>
      </dsp:txXfrm>
    </dsp:sp>
    <dsp:sp modelId="{C0852406-3DC0-4222-A1F8-184593FC4596}">
      <dsp:nvSpPr>
        <dsp:cNvPr id="0" name=""/>
        <dsp:cNvSpPr/>
      </dsp:nvSpPr>
      <dsp:spPr>
        <a:xfrm rot="16200000">
          <a:off x="1252472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O</a:t>
          </a:r>
          <a:endParaRPr lang="fr-FR" sz="4000" kern="1200" dirty="0"/>
        </a:p>
      </dsp:txBody>
      <dsp:txXfrm rot="5400000">
        <a:off x="1729407" y="1917927"/>
        <a:ext cx="1151422" cy="1151422"/>
      </dsp:txXfrm>
    </dsp:sp>
    <dsp:sp modelId="{3B6382B4-DDDF-482E-9E6A-38E6F7DB930C}">
      <dsp:nvSpPr>
        <dsp:cNvPr id="0" name=""/>
        <dsp:cNvSpPr/>
      </dsp:nvSpPr>
      <dsp:spPr>
        <a:xfrm>
          <a:off x="4959191" y="1554813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959191" y="1626286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19/12/2019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19/12/2019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61927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8169528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159393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7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9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12.xml.rels><?xml version="1.0" encoding="UTF-8" standalone="yes"?>
<Relationships xmlns="http://schemas.openxmlformats.org/package/2006/relationships"><Relationship Id="rId26" Type="http://schemas.openxmlformats.org/officeDocument/2006/relationships/tags" Target="../tags/tag123.xml"/><Relationship Id="rId21" Type="http://schemas.openxmlformats.org/officeDocument/2006/relationships/tags" Target="../tags/tag118.xml"/><Relationship Id="rId34" Type="http://schemas.openxmlformats.org/officeDocument/2006/relationships/tags" Target="../tags/tag131.xml"/><Relationship Id="rId42" Type="http://schemas.openxmlformats.org/officeDocument/2006/relationships/tags" Target="../tags/tag139.xml"/><Relationship Id="rId47" Type="http://schemas.openxmlformats.org/officeDocument/2006/relationships/tags" Target="../tags/tag144.xml"/><Relationship Id="rId50" Type="http://schemas.openxmlformats.org/officeDocument/2006/relationships/tags" Target="../tags/tag147.xml"/><Relationship Id="rId55" Type="http://schemas.openxmlformats.org/officeDocument/2006/relationships/tags" Target="../tags/tag152.xml"/><Relationship Id="rId63" Type="http://schemas.openxmlformats.org/officeDocument/2006/relationships/tags" Target="../tags/tag160.xml"/><Relationship Id="rId68" Type="http://schemas.openxmlformats.org/officeDocument/2006/relationships/tags" Target="../tags/tag165.xml"/><Relationship Id="rId76" Type="http://schemas.openxmlformats.org/officeDocument/2006/relationships/tags" Target="../tags/tag173.xml"/><Relationship Id="rId84" Type="http://schemas.openxmlformats.org/officeDocument/2006/relationships/tags" Target="../tags/tag181.xml"/><Relationship Id="rId89" Type="http://schemas.openxmlformats.org/officeDocument/2006/relationships/tags" Target="../tags/tag186.xml"/><Relationship Id="rId97" Type="http://schemas.openxmlformats.org/officeDocument/2006/relationships/tags" Target="../tags/tag194.xml"/><Relationship Id="rId7" Type="http://schemas.openxmlformats.org/officeDocument/2006/relationships/tags" Target="../tags/tag104.xml"/><Relationship Id="rId71" Type="http://schemas.openxmlformats.org/officeDocument/2006/relationships/tags" Target="../tags/tag168.xml"/><Relationship Id="rId92" Type="http://schemas.openxmlformats.org/officeDocument/2006/relationships/tags" Target="../tags/tag189.xml"/><Relationship Id="rId2" Type="http://schemas.openxmlformats.org/officeDocument/2006/relationships/tags" Target="../tags/tag99.xml"/><Relationship Id="rId16" Type="http://schemas.openxmlformats.org/officeDocument/2006/relationships/tags" Target="../tags/tag113.xml"/><Relationship Id="rId29" Type="http://schemas.openxmlformats.org/officeDocument/2006/relationships/tags" Target="../tags/tag126.xml"/><Relationship Id="rId11" Type="http://schemas.openxmlformats.org/officeDocument/2006/relationships/tags" Target="../tags/tag108.xml"/><Relationship Id="rId24" Type="http://schemas.openxmlformats.org/officeDocument/2006/relationships/tags" Target="../tags/tag121.xml"/><Relationship Id="rId32" Type="http://schemas.openxmlformats.org/officeDocument/2006/relationships/tags" Target="../tags/tag129.xml"/><Relationship Id="rId37" Type="http://schemas.openxmlformats.org/officeDocument/2006/relationships/tags" Target="../tags/tag134.xml"/><Relationship Id="rId40" Type="http://schemas.openxmlformats.org/officeDocument/2006/relationships/tags" Target="../tags/tag137.xml"/><Relationship Id="rId45" Type="http://schemas.openxmlformats.org/officeDocument/2006/relationships/tags" Target="../tags/tag142.xml"/><Relationship Id="rId53" Type="http://schemas.openxmlformats.org/officeDocument/2006/relationships/tags" Target="../tags/tag150.xml"/><Relationship Id="rId58" Type="http://schemas.openxmlformats.org/officeDocument/2006/relationships/tags" Target="../tags/tag155.xml"/><Relationship Id="rId66" Type="http://schemas.openxmlformats.org/officeDocument/2006/relationships/tags" Target="../tags/tag163.xml"/><Relationship Id="rId74" Type="http://schemas.openxmlformats.org/officeDocument/2006/relationships/tags" Target="../tags/tag171.xml"/><Relationship Id="rId79" Type="http://schemas.openxmlformats.org/officeDocument/2006/relationships/tags" Target="../tags/tag176.xml"/><Relationship Id="rId87" Type="http://schemas.openxmlformats.org/officeDocument/2006/relationships/tags" Target="../tags/tag184.xml"/><Relationship Id="rId5" Type="http://schemas.openxmlformats.org/officeDocument/2006/relationships/tags" Target="../tags/tag102.xml"/><Relationship Id="rId61" Type="http://schemas.openxmlformats.org/officeDocument/2006/relationships/tags" Target="../tags/tag158.xml"/><Relationship Id="rId82" Type="http://schemas.openxmlformats.org/officeDocument/2006/relationships/tags" Target="../tags/tag179.xml"/><Relationship Id="rId90" Type="http://schemas.openxmlformats.org/officeDocument/2006/relationships/tags" Target="../tags/tag187.xml"/><Relationship Id="rId95" Type="http://schemas.openxmlformats.org/officeDocument/2006/relationships/tags" Target="../tags/tag192.xml"/><Relationship Id="rId19" Type="http://schemas.openxmlformats.org/officeDocument/2006/relationships/tags" Target="../tags/tag116.xml"/><Relationship Id="rId14" Type="http://schemas.openxmlformats.org/officeDocument/2006/relationships/tags" Target="../tags/tag111.xml"/><Relationship Id="rId22" Type="http://schemas.openxmlformats.org/officeDocument/2006/relationships/tags" Target="../tags/tag119.xml"/><Relationship Id="rId27" Type="http://schemas.openxmlformats.org/officeDocument/2006/relationships/tags" Target="../tags/tag124.xml"/><Relationship Id="rId30" Type="http://schemas.openxmlformats.org/officeDocument/2006/relationships/tags" Target="../tags/tag127.xml"/><Relationship Id="rId35" Type="http://schemas.openxmlformats.org/officeDocument/2006/relationships/tags" Target="../tags/tag132.xml"/><Relationship Id="rId43" Type="http://schemas.openxmlformats.org/officeDocument/2006/relationships/tags" Target="../tags/tag140.xml"/><Relationship Id="rId48" Type="http://schemas.openxmlformats.org/officeDocument/2006/relationships/tags" Target="../tags/tag145.xml"/><Relationship Id="rId56" Type="http://schemas.openxmlformats.org/officeDocument/2006/relationships/tags" Target="../tags/tag153.xml"/><Relationship Id="rId64" Type="http://schemas.openxmlformats.org/officeDocument/2006/relationships/tags" Target="../tags/tag161.xml"/><Relationship Id="rId69" Type="http://schemas.openxmlformats.org/officeDocument/2006/relationships/tags" Target="../tags/tag166.xml"/><Relationship Id="rId77" Type="http://schemas.openxmlformats.org/officeDocument/2006/relationships/tags" Target="../tags/tag174.xml"/><Relationship Id="rId8" Type="http://schemas.openxmlformats.org/officeDocument/2006/relationships/tags" Target="../tags/tag105.xml"/><Relationship Id="rId51" Type="http://schemas.openxmlformats.org/officeDocument/2006/relationships/tags" Target="../tags/tag148.xml"/><Relationship Id="rId72" Type="http://schemas.openxmlformats.org/officeDocument/2006/relationships/tags" Target="../tags/tag169.xml"/><Relationship Id="rId80" Type="http://schemas.openxmlformats.org/officeDocument/2006/relationships/tags" Target="../tags/tag177.xml"/><Relationship Id="rId85" Type="http://schemas.openxmlformats.org/officeDocument/2006/relationships/tags" Target="../tags/tag182.xml"/><Relationship Id="rId93" Type="http://schemas.openxmlformats.org/officeDocument/2006/relationships/tags" Target="../tags/tag190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100.xml"/><Relationship Id="rId12" Type="http://schemas.openxmlformats.org/officeDocument/2006/relationships/tags" Target="../tags/tag109.xml"/><Relationship Id="rId17" Type="http://schemas.openxmlformats.org/officeDocument/2006/relationships/tags" Target="../tags/tag114.xml"/><Relationship Id="rId25" Type="http://schemas.openxmlformats.org/officeDocument/2006/relationships/tags" Target="../tags/tag122.xml"/><Relationship Id="rId33" Type="http://schemas.openxmlformats.org/officeDocument/2006/relationships/tags" Target="../tags/tag130.xml"/><Relationship Id="rId38" Type="http://schemas.openxmlformats.org/officeDocument/2006/relationships/tags" Target="../tags/tag135.xml"/><Relationship Id="rId46" Type="http://schemas.openxmlformats.org/officeDocument/2006/relationships/tags" Target="../tags/tag143.xml"/><Relationship Id="rId59" Type="http://schemas.openxmlformats.org/officeDocument/2006/relationships/tags" Target="../tags/tag156.xml"/><Relationship Id="rId67" Type="http://schemas.openxmlformats.org/officeDocument/2006/relationships/tags" Target="../tags/tag164.xml"/><Relationship Id="rId20" Type="http://schemas.openxmlformats.org/officeDocument/2006/relationships/tags" Target="../tags/tag117.xml"/><Relationship Id="rId41" Type="http://schemas.openxmlformats.org/officeDocument/2006/relationships/tags" Target="../tags/tag138.xml"/><Relationship Id="rId54" Type="http://schemas.openxmlformats.org/officeDocument/2006/relationships/tags" Target="../tags/tag151.xml"/><Relationship Id="rId62" Type="http://schemas.openxmlformats.org/officeDocument/2006/relationships/tags" Target="../tags/tag159.xml"/><Relationship Id="rId70" Type="http://schemas.openxmlformats.org/officeDocument/2006/relationships/tags" Target="../tags/tag167.xml"/><Relationship Id="rId75" Type="http://schemas.openxmlformats.org/officeDocument/2006/relationships/tags" Target="../tags/tag172.xml"/><Relationship Id="rId83" Type="http://schemas.openxmlformats.org/officeDocument/2006/relationships/tags" Target="../tags/tag180.xml"/><Relationship Id="rId88" Type="http://schemas.openxmlformats.org/officeDocument/2006/relationships/tags" Target="../tags/tag185.xml"/><Relationship Id="rId91" Type="http://schemas.openxmlformats.org/officeDocument/2006/relationships/tags" Target="../tags/tag188.xml"/><Relationship Id="rId96" Type="http://schemas.openxmlformats.org/officeDocument/2006/relationships/tags" Target="../tags/tag193.xml"/><Relationship Id="rId1" Type="http://schemas.openxmlformats.org/officeDocument/2006/relationships/tags" Target="../tags/tag98.xml"/><Relationship Id="rId6" Type="http://schemas.openxmlformats.org/officeDocument/2006/relationships/tags" Target="../tags/tag103.xml"/><Relationship Id="rId15" Type="http://schemas.openxmlformats.org/officeDocument/2006/relationships/tags" Target="../tags/tag112.xml"/><Relationship Id="rId23" Type="http://schemas.openxmlformats.org/officeDocument/2006/relationships/tags" Target="../tags/tag120.xml"/><Relationship Id="rId28" Type="http://schemas.openxmlformats.org/officeDocument/2006/relationships/tags" Target="../tags/tag125.xml"/><Relationship Id="rId36" Type="http://schemas.openxmlformats.org/officeDocument/2006/relationships/tags" Target="../tags/tag133.xml"/><Relationship Id="rId49" Type="http://schemas.openxmlformats.org/officeDocument/2006/relationships/tags" Target="../tags/tag146.xml"/><Relationship Id="rId57" Type="http://schemas.openxmlformats.org/officeDocument/2006/relationships/tags" Target="../tags/tag154.xml"/><Relationship Id="rId10" Type="http://schemas.openxmlformats.org/officeDocument/2006/relationships/tags" Target="../tags/tag107.xml"/><Relationship Id="rId31" Type="http://schemas.openxmlformats.org/officeDocument/2006/relationships/tags" Target="../tags/tag128.xml"/><Relationship Id="rId44" Type="http://schemas.openxmlformats.org/officeDocument/2006/relationships/tags" Target="../tags/tag141.xml"/><Relationship Id="rId52" Type="http://schemas.openxmlformats.org/officeDocument/2006/relationships/tags" Target="../tags/tag149.xml"/><Relationship Id="rId60" Type="http://schemas.openxmlformats.org/officeDocument/2006/relationships/tags" Target="../tags/tag157.xml"/><Relationship Id="rId65" Type="http://schemas.openxmlformats.org/officeDocument/2006/relationships/tags" Target="../tags/tag162.xml"/><Relationship Id="rId73" Type="http://schemas.openxmlformats.org/officeDocument/2006/relationships/tags" Target="../tags/tag170.xml"/><Relationship Id="rId78" Type="http://schemas.openxmlformats.org/officeDocument/2006/relationships/tags" Target="../tags/tag175.xml"/><Relationship Id="rId81" Type="http://schemas.openxmlformats.org/officeDocument/2006/relationships/tags" Target="../tags/tag178.xml"/><Relationship Id="rId86" Type="http://schemas.openxmlformats.org/officeDocument/2006/relationships/tags" Target="../tags/tag183.xml"/><Relationship Id="rId94" Type="http://schemas.openxmlformats.org/officeDocument/2006/relationships/tags" Target="../tags/tag191.xml"/><Relationship Id="rId4" Type="http://schemas.openxmlformats.org/officeDocument/2006/relationships/tags" Target="../tags/tag101.xml"/><Relationship Id="rId9" Type="http://schemas.openxmlformats.org/officeDocument/2006/relationships/tags" Target="../tags/tag106.xml"/><Relationship Id="rId13" Type="http://schemas.openxmlformats.org/officeDocument/2006/relationships/tags" Target="../tags/tag110.xml"/><Relationship Id="rId18" Type="http://schemas.openxmlformats.org/officeDocument/2006/relationships/tags" Target="../tags/tag115.xml"/><Relationship Id="rId39" Type="http://schemas.openxmlformats.org/officeDocument/2006/relationships/tags" Target="../tags/tag136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7" Type="http://schemas.openxmlformats.org/officeDocument/2006/relationships/image" Target="../media/image14.png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6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4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5464005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</a:t>
            </a:r>
            <a:r>
              <a:rPr lang="fr-FR" sz="2000" dirty="0" smtClean="0"/>
              <a:t>a </a:t>
            </a:r>
            <a:r>
              <a:rPr lang="fr-FR" sz="2000" dirty="0"/>
              <a:t>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 smtClean="0"/>
              <a:t>Results</a:t>
            </a:r>
            <a:r>
              <a:rPr lang="fr-FR" sz="2000" dirty="0" smtClean="0"/>
              <a:t> are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of non-canonical </a:t>
            </a:r>
            <a:r>
              <a:rPr lang="fr-FR" sz="2000" dirty="0" err="1" smtClean="0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Interpretation</a:t>
            </a:r>
            <a:r>
              <a:rPr lang="fr-FR" sz="2000" dirty="0" smtClean="0"/>
              <a:t> of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Host the </a:t>
            </a:r>
            <a:r>
              <a:rPr lang="fr-FR" sz="2000" dirty="0" err="1" smtClean="0"/>
              <a:t>tool</a:t>
            </a:r>
            <a:r>
              <a:rPr lang="fr-FR" sz="2000" dirty="0" smtClean="0"/>
              <a:t> on </a:t>
            </a:r>
            <a:r>
              <a:rPr lang="fr-FR" sz="2000" dirty="0"/>
              <a:t>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 smtClean="0"/>
              <a:t>) </a:t>
            </a:r>
            <a:r>
              <a:rPr lang="fr-FR" sz="2000" dirty="0" smtClean="0">
                <a:sym typeface="Wingdings" panose="05000000000000000000" pitchFamily="2" charset="2"/>
              </a:rPr>
              <a:t> </a:t>
            </a:r>
            <a:r>
              <a:rPr lang="fr-FR" sz="2000" dirty="0" err="1" smtClean="0">
                <a:sym typeface="Wingdings" panose="05000000000000000000" pitchFamily="2" charset="2"/>
              </a:rPr>
              <a:t>Download</a:t>
            </a:r>
            <a:r>
              <a:rPr lang="fr-FR" sz="2000" dirty="0" smtClean="0">
                <a:sym typeface="Wingdings" panose="05000000000000000000" pitchFamily="2" charset="2"/>
              </a:rPr>
              <a:t> and data </a:t>
            </a:r>
            <a:r>
              <a:rPr lang="fr-FR" sz="2000" dirty="0" err="1" smtClean="0">
                <a:sym typeface="Wingdings" panose="05000000000000000000" pitchFamily="2" charset="2"/>
              </a:rPr>
              <a:t>retrieva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947531" cy="3190004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/>
              <a:t>Teamworking</a:t>
            </a:r>
            <a:endParaRPr lang="fr-FR" sz="24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 err="1" smtClean="0"/>
              <a:t>Programming</a:t>
            </a:r>
            <a:r>
              <a:rPr lang="fr-FR" sz="2400" dirty="0" smtClean="0"/>
              <a:t> </a:t>
            </a:r>
            <a:r>
              <a:rPr lang="fr-FR" sz="2400" dirty="0" err="1" smtClean="0"/>
              <a:t>language</a:t>
            </a:r>
            <a:r>
              <a:rPr lang="fr-FR" sz="2400" dirty="0" smtClean="0"/>
              <a:t> </a:t>
            </a:r>
            <a:r>
              <a:rPr lang="fr-FR" sz="2400" dirty="0"/>
              <a:t>for </a:t>
            </a:r>
            <a:r>
              <a:rPr lang="fr-FR" sz="2400" dirty="0" err="1"/>
              <a:t>statistical</a:t>
            </a:r>
            <a:r>
              <a:rPr lang="fr-FR" sz="2400" dirty="0"/>
              <a:t> </a:t>
            </a:r>
            <a:r>
              <a:rPr lang="fr-FR" sz="2400" dirty="0" smtClean="0"/>
              <a:t>analyses</a:t>
            </a:r>
            <a:endParaRPr lang="fr-FR" sz="2400" dirty="0"/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</a:t>
            </a:r>
            <a:r>
              <a:rPr lang="fr-FR" sz="2000" dirty="0" smtClean="0"/>
              <a:t>DESeq2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 err="1" smtClean="0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33528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33528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4133329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4007630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0225"/>
            <a:ext cx="113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Comprendre l'outil ROntoTools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227663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Écrire les différents script fonctionnels 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Réunir les scripts en un seul 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aire le lien entre l'interface web et les scripts R 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mplémenter l'outils sur le serveur client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jouter des voies non-canoniques 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2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Risk</a:t>
            </a:r>
            <a:r>
              <a:rPr lang="fr-FR" dirty="0" smtClean="0"/>
              <a:t> Management</a:t>
            </a:r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325695524"/>
              </p:ext>
            </p:extLst>
          </p:nvPr>
        </p:nvGraphicFramePr>
        <p:xfrm>
          <a:off x="2426282" y="2835479"/>
          <a:ext cx="5836874" cy="37606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/>
              <a:t>Web interface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 smtClean="0"/>
              <a:t>started</a:t>
            </a:r>
            <a:endParaRPr lang="fr-FR" sz="2000" dirty="0"/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 smtClean="0"/>
              <a:t>it</a:t>
            </a:r>
            <a:endParaRPr lang="fr-FR" sz="2000" dirty="0" smtClean="0"/>
          </a:p>
          <a:p>
            <a:pPr algn="just"/>
            <a:r>
              <a:rPr lang="fr-FR" sz="2000" dirty="0" smtClean="0"/>
              <a:t>Local </a:t>
            </a:r>
            <a:r>
              <a:rPr lang="fr-FR" sz="2000" dirty="0" err="1" smtClean="0"/>
              <a:t>database</a:t>
            </a:r>
            <a:endParaRPr lang="fr-FR" sz="2000" dirty="0" smtClean="0"/>
          </a:p>
          <a:p>
            <a:pPr algn="just"/>
            <a:r>
              <a:rPr lang="fr-FR" sz="2000" dirty="0"/>
              <a:t>Complete the </a:t>
            </a:r>
            <a:r>
              <a:rPr lang="fr-FR" sz="2000" dirty="0" err="1" smtClean="0"/>
              <a:t>Rshiny</a:t>
            </a:r>
            <a:r>
              <a:rPr lang="fr-FR" sz="2000" dirty="0" smtClean="0"/>
              <a:t> </a:t>
            </a:r>
            <a:r>
              <a:rPr lang="fr-FR" sz="2000" dirty="0"/>
              <a:t>interface</a:t>
            </a:r>
            <a:endParaRPr lang="fr-FR" sz="1600" dirty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Strategic </a:t>
            </a:r>
            <a:r>
              <a:rPr lang="fr-FR" sz="2000" dirty="0" err="1" smtClean="0"/>
              <a:t>reorientation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Complete the web </a:t>
            </a:r>
            <a:r>
              <a:rPr lang="fr-FR" sz="2000" dirty="0" smtClean="0"/>
              <a:t>interface</a:t>
            </a:r>
            <a:endParaRPr lang="fr-FR" sz="2000" dirty="0" smtClean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08566" y="2877424"/>
            <a:ext cx="304695" cy="293615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035723" y="3224898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103086" y="3607346"/>
            <a:ext cx="304695" cy="293615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969347" y="5426339"/>
            <a:ext cx="299307" cy="310393"/>
          </a:xfrm>
          <a:prstGeom prst="rect">
            <a:avLst/>
          </a:prstGeom>
        </p:spPr>
      </p:pic>
      <p:pic>
        <p:nvPicPr>
          <p:cNvPr id="12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569095" y="6174810"/>
            <a:ext cx="299307" cy="310393"/>
          </a:xfrm>
          <a:prstGeom prst="rect">
            <a:avLst/>
          </a:prstGeom>
        </p:spPr>
      </p:pic>
      <p:pic>
        <p:nvPicPr>
          <p:cNvPr id="13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075819" y="3984115"/>
            <a:ext cx="304695" cy="293615"/>
          </a:xfrm>
          <a:prstGeom prst="rect">
            <a:avLst/>
          </a:prstGeom>
        </p:spPr>
      </p:pic>
      <p:pic>
        <p:nvPicPr>
          <p:cNvPr id="14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3222970" y="4327945"/>
            <a:ext cx="304695" cy="29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Mise en contexte</a:t>
            </a:r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Aucun outil n’existe pour les voies non-canoniques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ques </a:t>
            </a:r>
            <a:r>
              <a:rPr lang="fr-FR" sz="2000" dirty="0">
                <a:sym typeface="Wingdings" panose="05000000000000000000" pitchFamily="2" charset="2"/>
              </a:rPr>
              <a:t> Voies métaboliques non standard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Exemple : La glycolyse + cycle de Krebs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090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Autre</a:t>
            </a:r>
          </a:p>
        </p:txBody>
      </p:sp>
    </p:spTree>
    <p:extLst>
      <p:ext uri="{BB962C8B-B14F-4D97-AF65-F5344CB8AC3E}">
        <p14:creationId xmlns:p14="http://schemas.microsoft.com/office/powerpoint/2010/main" val="12002626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Objectif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90757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Créer un outil facile d’utilis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Résultats parlants et publiables dans des articles scientifiques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des gènes ‘non-canonique’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nterprétation des résultats.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Sur le site du client (</a:t>
            </a:r>
            <a:r>
              <a:rPr lang="fr-FR" sz="2000" dirty="0" err="1"/>
              <a:t>Cellomet</a:t>
            </a:r>
            <a:r>
              <a:rPr lang="fr-FR" sz="2000" dirty="0" smtClean="0"/>
              <a:t>) </a:t>
            </a:r>
            <a:r>
              <a:rPr lang="fr-FR" sz="2000" dirty="0" smtClean="0">
                <a:sym typeface="Wingdings" panose="05000000000000000000" pitchFamily="2" charset="2"/>
              </a:rPr>
              <a:t> Téléchargement et récolte d’informations</a:t>
            </a: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6384354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Les outi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816679" cy="3555129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/>
              <a:t>Travail collaboratif</a:t>
            </a:r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/>
              <a:t>Langage de programmation pour faire des analyses statistiques</a:t>
            </a:r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DESeq2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 err="1" smtClean="0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644716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33528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33528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4133312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4007612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0225"/>
            <a:ext cx="113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Comprendre l'outil ROntoTools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0"/>
            </p:custDataLst>
          </p:nvPr>
        </p:nvSpPr>
        <p:spPr>
          <a:xfrm>
            <a:off x="-7424" y="3227663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Écrire les différents script fonctionnels 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1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2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7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éunir les scripts en un seul </a:t>
            </a: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8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7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3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aire le lien entre l'interface web et les scripts R </a:t>
            </a: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4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89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4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Implémenter l'outils sur le serveur client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5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6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Ajouter des voies non-canoniques </a:t>
            </a: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97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944596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graphicFrame>
        <p:nvGraphicFramePr>
          <p:cNvPr id="16" name="Diagram 15"/>
          <p:cNvGraphicFramePr/>
          <p:nvPr>
            <p:extLst>
              <p:ext uri="{D42A27DB-BD31-4B8C-83A1-F6EECF244321}">
                <p14:modId xmlns:p14="http://schemas.microsoft.com/office/powerpoint/2010/main" val="3941913306"/>
              </p:ext>
            </p:extLst>
          </p:nvPr>
        </p:nvGraphicFramePr>
        <p:xfrm>
          <a:off x="2362434" y="2954746"/>
          <a:ext cx="5741332" cy="354672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026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9100061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mis en place et fonctionnel</a:t>
            </a:r>
          </a:p>
          <a:p>
            <a:pPr algn="just"/>
            <a:r>
              <a:rPr lang="fr-FR" sz="2000" dirty="0"/>
              <a:t>4 scripts R fonctionnels ont été écrits et testés</a:t>
            </a:r>
          </a:p>
          <a:p>
            <a:pPr algn="just"/>
            <a:r>
              <a:rPr lang="fr-FR" sz="2000" dirty="0"/>
              <a:t>L’interface web a été </a:t>
            </a:r>
            <a:r>
              <a:rPr lang="fr-FR" sz="2000" dirty="0" smtClean="0"/>
              <a:t>débutée</a:t>
            </a:r>
            <a:endParaRPr lang="fr-FR" sz="2000" dirty="0"/>
          </a:p>
          <a:p>
            <a:pPr algn="just"/>
            <a:r>
              <a:rPr lang="fr-FR" sz="2000" dirty="0"/>
              <a:t>Convertir les 4 scripts R en un seul script et </a:t>
            </a:r>
            <a:r>
              <a:rPr lang="fr-FR" sz="2000" dirty="0" smtClean="0"/>
              <a:t>tester</a:t>
            </a:r>
          </a:p>
          <a:p>
            <a:pPr algn="just"/>
            <a:r>
              <a:rPr lang="fr-FR" sz="2000" dirty="0" smtClean="0"/>
              <a:t>Base de données en </a:t>
            </a:r>
            <a:r>
              <a:rPr lang="fr-FR" sz="2000" dirty="0" smtClean="0"/>
              <a:t>local</a:t>
            </a:r>
          </a:p>
          <a:p>
            <a:pPr algn="just"/>
            <a:r>
              <a:rPr lang="fr-FR" sz="2000" dirty="0"/>
              <a:t>Finir l’application </a:t>
            </a:r>
            <a:r>
              <a:rPr lang="fr-FR" sz="2000" dirty="0" err="1"/>
              <a:t>Rshiny</a:t>
            </a:r>
            <a:endParaRPr lang="fr-FR" sz="1600" dirty="0"/>
          </a:p>
          <a:p>
            <a:pPr marL="0" indent="0" algn="just">
              <a:buNone/>
            </a:pPr>
            <a:endParaRPr lang="fr-FR" sz="2000" dirty="0" smtClean="0"/>
          </a:p>
          <a:p>
            <a:pPr algn="just"/>
            <a:r>
              <a:rPr lang="fr-FR" sz="2000" dirty="0" smtClean="0"/>
              <a:t>Réorientation stratégique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/>
              <a:t>Finir l’interface </a:t>
            </a:r>
            <a:r>
              <a:rPr lang="fr-FR" sz="2000" dirty="0" smtClean="0"/>
              <a:t>web</a:t>
            </a:r>
            <a:endParaRPr lang="fr-FR" sz="2000" dirty="0" smtClean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42432" y="2877424"/>
            <a:ext cx="304695" cy="2936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224760" y="5426339"/>
            <a:ext cx="299307" cy="310393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390389" y="3273104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670585" y="3692906"/>
            <a:ext cx="304695" cy="293615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760663" y="3992137"/>
            <a:ext cx="304695" cy="293615"/>
          </a:xfrm>
          <a:prstGeom prst="rect">
            <a:avLst/>
          </a:prstGeom>
        </p:spPr>
      </p:pic>
      <p:pic>
        <p:nvPicPr>
          <p:cNvPr id="12" name="Picture 1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657462" y="6214856"/>
            <a:ext cx="299307" cy="310393"/>
          </a:xfrm>
          <a:prstGeom prst="rect">
            <a:avLst/>
          </a:prstGeom>
        </p:spPr>
      </p:pic>
      <p:pic>
        <p:nvPicPr>
          <p:cNvPr id="13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219372" y="4321649"/>
            <a:ext cx="304695" cy="293615"/>
          </a:xfrm>
          <a:prstGeom prst="rect">
            <a:avLst/>
          </a:prstGeom>
        </p:spPr>
      </p:pic>
      <p:pic>
        <p:nvPicPr>
          <p:cNvPr id="14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219373" y="4761913"/>
            <a:ext cx="304695" cy="29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3625033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No </a:t>
            </a:r>
            <a:r>
              <a:rPr lang="fr-FR" sz="2000" dirty="0" err="1"/>
              <a:t>tool</a:t>
            </a:r>
            <a:r>
              <a:rPr lang="fr-FR" sz="2000" dirty="0"/>
              <a:t> </a:t>
            </a:r>
            <a:r>
              <a:rPr lang="fr-FR" sz="2000" dirty="0" err="1" smtClean="0"/>
              <a:t>currently</a:t>
            </a:r>
            <a:r>
              <a:rPr lang="fr-FR" sz="2000" dirty="0" smtClean="0"/>
              <a:t> </a:t>
            </a:r>
            <a:r>
              <a:rPr lang="fr-FR" sz="2000" dirty="0" err="1"/>
              <a:t>exists</a:t>
            </a:r>
            <a:r>
              <a:rPr lang="fr-FR" sz="2000" dirty="0"/>
              <a:t> for non-canonical </a:t>
            </a:r>
            <a:r>
              <a:rPr lang="fr-FR" sz="2000" dirty="0" err="1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cal </a:t>
            </a:r>
            <a:r>
              <a:rPr lang="fr-FR" sz="2000" dirty="0">
                <a:sym typeface="Wingdings" panose="05000000000000000000" pitchFamily="2" charset="2"/>
              </a:rPr>
              <a:t> Non standard </a:t>
            </a:r>
            <a:r>
              <a:rPr lang="fr-FR" sz="2000" dirty="0" err="1">
                <a:sym typeface="Wingdings" panose="05000000000000000000" pitchFamily="2" charset="2"/>
              </a:rPr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Example</a:t>
            </a:r>
            <a:r>
              <a:rPr lang="fr-FR" sz="2000" dirty="0"/>
              <a:t> : </a:t>
            </a:r>
            <a:r>
              <a:rPr lang="fr-FR" sz="2000" dirty="0" err="1" smtClean="0"/>
              <a:t>Glycolysis</a:t>
            </a:r>
            <a:r>
              <a:rPr lang="fr-FR" sz="2000" dirty="0" smtClean="0"/>
              <a:t> + Krebs </a:t>
            </a:r>
            <a:r>
              <a:rPr lang="fr-FR" sz="2000" dirty="0"/>
              <a:t>cycle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312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Oth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29</TotalTime>
  <Words>527</Words>
  <Application>Microsoft Office PowerPoint</Application>
  <PresentationFormat>Grand écran</PresentationFormat>
  <Paragraphs>174</Paragraphs>
  <Slides>14</Slides>
  <Notes>6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4</vt:i4>
      </vt:variant>
    </vt:vector>
  </HeadingPairs>
  <TitlesOfParts>
    <vt:vector size="19" baseType="lpstr">
      <vt:lpstr>Arial</vt:lpstr>
      <vt:lpstr>Calibri</vt:lpstr>
      <vt:lpstr>Calibri Light</vt:lpstr>
      <vt:lpstr>Wingdings</vt:lpstr>
      <vt:lpstr>Office Theme</vt:lpstr>
      <vt:lpstr>Metabolic Pathway Analysi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Metabolic Pathway Analysi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gphy</cp:lastModifiedBy>
  <cp:revision>60</cp:revision>
  <dcterms:created xsi:type="dcterms:W3CDTF">2019-11-20T07:40:40Z</dcterms:created>
  <dcterms:modified xsi:type="dcterms:W3CDTF">2019-12-19T08:16:35Z</dcterms:modified>
</cp:coreProperties>
</file>